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39753339-C1DC-4099-BA7C-106AC6E08CFF}" xr6:coauthVersionLast="47" xr6:coauthVersionMax="47" xr10:uidLastSave="{00000000-0000-0000-0000-000000000000}"/>
  <bookViews>
    <workbookView xWindow="1575" yWindow="1095" windowWidth="15375" windowHeight="7875" xr2:uid="{66F67A2D-8A06-4C29-926B-E613DB171BA2}"/>
  </bookViews>
  <sheets>
    <sheet name="別紙12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12!$A$1:$AE$75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U53" i="2" l="1"/>
  <c r="T53" i="2"/>
  <c r="U21" i="2"/>
  <c r="T21" i="2"/>
</calcChain>
</file>

<file path=xl/sharedStrings.xml><?xml version="1.0" encoding="utf-8"?>
<sst xmlns="http://schemas.openxmlformats.org/spreadsheetml/2006/main" count="122" uniqueCount="84">
  <si>
    <t>（別紙12）</t>
    <phoneticPr fontId="4"/>
  </si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ニチ</t>
    </rPh>
    <phoneticPr fontId="4"/>
  </si>
  <si>
    <t>認知症専門ケア加算に係る届出書</t>
    <rPh sb="0" eb="3">
      <t>ニンチショウ</t>
    </rPh>
    <rPh sb="3" eb="5">
      <t>センモン</t>
    </rPh>
    <rPh sb="7" eb="9">
      <t>カサン</t>
    </rPh>
    <rPh sb="10" eb="11">
      <t>カカ</t>
    </rPh>
    <rPh sb="12" eb="15">
      <t>トドケデショ</t>
    </rPh>
    <phoneticPr fontId="4"/>
  </si>
  <si>
    <t>（訪問介護、（介護予防）訪問入浴介護、定期巡回・随時対応型訪問介護看護、夜間対応型訪問介護）</t>
    <rPh sb="1" eb="3">
      <t>ホウモン</t>
    </rPh>
    <rPh sb="3" eb="5">
      <t>カイゴ</t>
    </rPh>
    <rPh sb="7" eb="9">
      <t>カイゴ</t>
    </rPh>
    <rPh sb="9" eb="11">
      <t>ヨボウ</t>
    </rPh>
    <rPh sb="12" eb="14">
      <t>ホウモン</t>
    </rPh>
    <rPh sb="14" eb="16">
      <t>ニュウヨク</t>
    </rPh>
    <rPh sb="16" eb="18">
      <t>カイゴ</t>
    </rPh>
    <rPh sb="19" eb="21">
      <t>テイキ</t>
    </rPh>
    <rPh sb="21" eb="23">
      <t>ジュンカイ</t>
    </rPh>
    <rPh sb="24" eb="26">
      <t>ズイジ</t>
    </rPh>
    <rPh sb="26" eb="29">
      <t>タイオウガタ</t>
    </rPh>
    <rPh sb="29" eb="31">
      <t>ホウモン</t>
    </rPh>
    <rPh sb="31" eb="33">
      <t>カイゴ</t>
    </rPh>
    <rPh sb="33" eb="35">
      <t>カンゴ</t>
    </rPh>
    <rPh sb="36" eb="38">
      <t>ヤカン</t>
    </rPh>
    <rPh sb="38" eb="41">
      <t>タイオウガタ</t>
    </rPh>
    <rPh sb="41" eb="43">
      <t>ホウモン</t>
    </rPh>
    <rPh sb="43" eb="45">
      <t>カイゴ</t>
    </rPh>
    <phoneticPr fontId="4"/>
  </si>
  <si>
    <t>事 業 所 名</t>
    <phoneticPr fontId="4"/>
  </si>
  <si>
    <t>異動等区分</t>
    <phoneticPr fontId="4"/>
  </si>
  <si>
    <t>□</t>
  </si>
  <si>
    <t>１　新規</t>
    <phoneticPr fontId="4"/>
  </si>
  <si>
    <t>２　変更</t>
    <phoneticPr fontId="4"/>
  </si>
  <si>
    <t>３　終了</t>
    <phoneticPr fontId="4"/>
  </si>
  <si>
    <t>施 設 種 別</t>
    <rPh sb="0" eb="1">
      <t>セ</t>
    </rPh>
    <rPh sb="2" eb="3">
      <t>セツ</t>
    </rPh>
    <rPh sb="4" eb="5">
      <t>シュ</t>
    </rPh>
    <rPh sb="6" eb="7">
      <t>ベツ</t>
    </rPh>
    <phoneticPr fontId="4"/>
  </si>
  <si>
    <t>１　訪問介護</t>
    <phoneticPr fontId="4"/>
  </si>
  <si>
    <t>２（介護予防）訪問入浴介護　</t>
  </si>
  <si>
    <t>３　定期巡回・随時対応型訪問介護看護</t>
    <phoneticPr fontId="4"/>
  </si>
  <si>
    <t>４　夜間対応型訪問介護　</t>
    <phoneticPr fontId="4"/>
  </si>
  <si>
    <t>届 出 項 目</t>
    <phoneticPr fontId="4"/>
  </si>
  <si>
    <t>１　認知症専門ケア加算（Ⅰ）　　　</t>
    <phoneticPr fontId="4"/>
  </si>
  <si>
    <t>２　認知症専門ケア加算（Ⅱ）</t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１．認知症専門ケア加算（Ⅰ）に係る届出内容</t>
    <rPh sb="15" eb="16">
      <t>カカ</t>
    </rPh>
    <rPh sb="17" eb="18">
      <t>トド</t>
    </rPh>
    <rPh sb="18" eb="19">
      <t>デ</t>
    </rPh>
    <rPh sb="19" eb="21">
      <t>ナイヨウ</t>
    </rPh>
    <phoneticPr fontId="4"/>
  </si>
  <si>
    <t>(1)</t>
    <phoneticPr fontId="4"/>
  </si>
  <si>
    <t>利用者の総数のうち、日常生活自立度のランクⅡ、Ⅲ、Ⅳ又はＭに該当する者</t>
    <rPh sb="14" eb="17">
      <t>ジリツド</t>
    </rPh>
    <rPh sb="26" eb="27">
      <t>マタ</t>
    </rPh>
    <rPh sb="30" eb="32">
      <t>ガイトウ</t>
    </rPh>
    <rPh sb="34" eb="35">
      <t>シャ</t>
    </rPh>
    <phoneticPr fontId="4"/>
  </si>
  <si>
    <t>の割合が50％以上である</t>
  </si>
  <si>
    <t>①　利用者の総数　注</t>
    <rPh sb="2" eb="5">
      <t>リヨウシャ</t>
    </rPh>
    <rPh sb="6" eb="8">
      <t>ソウスウ</t>
    </rPh>
    <rPh sb="7" eb="8">
      <t>スウ</t>
    </rPh>
    <rPh sb="9" eb="10">
      <t>チュウ</t>
    </rPh>
    <phoneticPr fontId="4"/>
  </si>
  <si>
    <t>人</t>
    <rPh sb="0" eb="1">
      <t>ヒト</t>
    </rPh>
    <phoneticPr fontId="4"/>
  </si>
  <si>
    <t>②　日常生活自立度のランクⅡ、Ⅲ、Ⅳ又はＭに該当する者の数　注</t>
    <rPh sb="2" eb="4">
      <t>ニチジョウ</t>
    </rPh>
    <rPh sb="4" eb="6">
      <t>セイカツ</t>
    </rPh>
    <rPh sb="6" eb="9">
      <t>ジリツド</t>
    </rPh>
    <rPh sb="18" eb="19">
      <t>マタ</t>
    </rPh>
    <rPh sb="22" eb="24">
      <t>ガイトウ</t>
    </rPh>
    <rPh sb="26" eb="27">
      <t>モノ</t>
    </rPh>
    <rPh sb="28" eb="29">
      <t>スウ</t>
    </rPh>
    <rPh sb="30" eb="31">
      <t>チュウ</t>
    </rPh>
    <phoneticPr fontId="4"/>
  </si>
  <si>
    <t>③　②÷①×100</t>
    <phoneticPr fontId="4"/>
  </si>
  <si>
    <t>％</t>
    <phoneticPr fontId="4"/>
  </si>
  <si>
    <t>注　届出日の属する月の前３月間の利用実人員数又は利用延べ人数の平均で算定。</t>
    <rPh sb="14" eb="15">
      <t>カン</t>
    </rPh>
    <phoneticPr fontId="4"/>
  </si>
  <si>
    <t>(2)</t>
    <phoneticPr fontId="4"/>
  </si>
  <si>
    <t>認知症介護に係る専門的な研修を修了している者を、日常生活自立度のランクⅡ、Ⅲ、</t>
    <phoneticPr fontId="4"/>
  </si>
  <si>
    <t>Ⅳ又はMに該当する者の数に応じて必要数以上配置し、チームとして専門的な</t>
    <phoneticPr fontId="4"/>
  </si>
  <si>
    <t>認知症ケアを実施している</t>
    <rPh sb="0" eb="3">
      <t>ニンチショウ</t>
    </rPh>
    <rPh sb="6" eb="8">
      <t>ジッシ</t>
    </rPh>
    <phoneticPr fontId="4"/>
  </si>
  <si>
    <t>認知症介護に係る専門的な研修を修了している者の数</t>
    <rPh sb="0" eb="3">
      <t>ニンチショウ</t>
    </rPh>
    <rPh sb="3" eb="5">
      <t>カイゴ</t>
    </rPh>
    <rPh sb="6" eb="7">
      <t>カカ</t>
    </rPh>
    <rPh sb="8" eb="11">
      <t>センモンテキ</t>
    </rPh>
    <rPh sb="12" eb="14">
      <t>ケンシュウ</t>
    </rPh>
    <rPh sb="15" eb="17">
      <t>シュウリョウ</t>
    </rPh>
    <rPh sb="21" eb="22">
      <t>シャ</t>
    </rPh>
    <rPh sb="23" eb="24">
      <t>カズ</t>
    </rPh>
    <phoneticPr fontId="4"/>
  </si>
  <si>
    <t>【参考】</t>
    <rPh sb="1" eb="3">
      <t>サンコウ</t>
    </rPh>
    <phoneticPr fontId="4"/>
  </si>
  <si>
    <t>日常生活自立度のランクⅡ、Ⅲ、Ⅳ又はＭに該当する者の数</t>
    <rPh sb="0" eb="2">
      <t>ニチジョウ</t>
    </rPh>
    <rPh sb="2" eb="4">
      <t>セイカツ</t>
    </rPh>
    <rPh sb="4" eb="7">
      <t>ジリツド</t>
    </rPh>
    <rPh sb="16" eb="17">
      <t>マタ</t>
    </rPh>
    <rPh sb="20" eb="22">
      <t>ガイトウ</t>
    </rPh>
    <rPh sb="24" eb="25">
      <t>モノ</t>
    </rPh>
    <rPh sb="26" eb="27">
      <t>カズ</t>
    </rPh>
    <phoneticPr fontId="4"/>
  </si>
  <si>
    <t>研修修了者の必要数</t>
    <rPh sb="0" eb="2">
      <t>ケンシュウ</t>
    </rPh>
    <rPh sb="2" eb="5">
      <t>シュウリョウシャ</t>
    </rPh>
    <rPh sb="6" eb="9">
      <t>ヒツヨウスウ</t>
    </rPh>
    <phoneticPr fontId="4"/>
  </si>
  <si>
    <t>20人未満</t>
    <rPh sb="2" eb="3">
      <t>ニン</t>
    </rPh>
    <rPh sb="3" eb="5">
      <t>ミマン</t>
    </rPh>
    <phoneticPr fontId="4"/>
  </si>
  <si>
    <t>１以上</t>
    <rPh sb="1" eb="3">
      <t>イジョウ</t>
    </rPh>
    <phoneticPr fontId="4"/>
  </si>
  <si>
    <t>20以上30未満</t>
    <rPh sb="2" eb="4">
      <t>イジョウ</t>
    </rPh>
    <rPh sb="6" eb="8">
      <t>ミマン</t>
    </rPh>
    <phoneticPr fontId="4"/>
  </si>
  <si>
    <t>２以上</t>
    <rPh sb="1" eb="3">
      <t>イジョウ</t>
    </rPh>
    <phoneticPr fontId="4"/>
  </si>
  <si>
    <t>30以上40未満</t>
    <rPh sb="2" eb="4">
      <t>イジョウ</t>
    </rPh>
    <rPh sb="6" eb="8">
      <t>ミマン</t>
    </rPh>
    <phoneticPr fontId="4"/>
  </si>
  <si>
    <t>３以上</t>
    <rPh sb="1" eb="3">
      <t>イジョウ</t>
    </rPh>
    <phoneticPr fontId="4"/>
  </si>
  <si>
    <t>40以上50未満</t>
    <rPh sb="2" eb="4">
      <t>イジョウ</t>
    </rPh>
    <rPh sb="6" eb="8">
      <t>ミマン</t>
    </rPh>
    <phoneticPr fontId="4"/>
  </si>
  <si>
    <t>４以上</t>
    <rPh sb="1" eb="3">
      <t>イジョウ</t>
    </rPh>
    <phoneticPr fontId="4"/>
  </si>
  <si>
    <t>50以上60未満</t>
    <rPh sb="2" eb="4">
      <t>イジョウ</t>
    </rPh>
    <rPh sb="6" eb="8">
      <t>ミマン</t>
    </rPh>
    <phoneticPr fontId="4"/>
  </si>
  <si>
    <t>５以上</t>
    <rPh sb="1" eb="3">
      <t>イジョウ</t>
    </rPh>
    <phoneticPr fontId="4"/>
  </si>
  <si>
    <t>60以上70未満</t>
    <rPh sb="2" eb="4">
      <t>イジョウ</t>
    </rPh>
    <rPh sb="6" eb="8">
      <t>ミマン</t>
    </rPh>
    <phoneticPr fontId="4"/>
  </si>
  <si>
    <t>６以上</t>
    <rPh sb="1" eb="3">
      <t>イジョウ</t>
    </rPh>
    <phoneticPr fontId="4"/>
  </si>
  <si>
    <t>～</t>
    <phoneticPr fontId="4"/>
  </si>
  <si>
    <t>(3)</t>
    <phoneticPr fontId="4"/>
  </si>
  <si>
    <t>従業者に対して、認知症ケアに関する留意事項の伝達又は技術的指導に係る会議を</t>
    <phoneticPr fontId="4"/>
  </si>
  <si>
    <t>定期的に開催している</t>
    <phoneticPr fontId="4"/>
  </si>
  <si>
    <t>２．認知症専門ケア加算（Ⅱ）に係る届出内容</t>
    <rPh sb="15" eb="16">
      <t>カカ</t>
    </rPh>
    <rPh sb="17" eb="18">
      <t>トド</t>
    </rPh>
    <rPh sb="18" eb="19">
      <t>デ</t>
    </rPh>
    <rPh sb="19" eb="21">
      <t>ナイヨウ</t>
    </rPh>
    <phoneticPr fontId="4"/>
  </si>
  <si>
    <t>認知症専門ケア加算（Ⅰ）の(2)・(3)の基準のいずれにも該当している</t>
    <phoneticPr fontId="4"/>
  </si>
  <si>
    <t>※認知症専門ケア加算（Ⅰ）に係る届出内容(2)～(3)も記入すること。</t>
    <rPh sb="14" eb="15">
      <t>カカ</t>
    </rPh>
    <rPh sb="16" eb="18">
      <t>トドケデ</t>
    </rPh>
    <rPh sb="18" eb="20">
      <t>ナイヨウ</t>
    </rPh>
    <rPh sb="28" eb="30">
      <t>キニュウ</t>
    </rPh>
    <phoneticPr fontId="4"/>
  </si>
  <si>
    <t>利用者の総数のうち、日常生活自立度のランクⅢ、Ⅳ又はＭに該当する者</t>
    <rPh sb="14" eb="17">
      <t>ジリツド</t>
    </rPh>
    <rPh sb="24" eb="25">
      <t>マタ</t>
    </rPh>
    <rPh sb="28" eb="30">
      <t>ガイトウ</t>
    </rPh>
    <rPh sb="32" eb="33">
      <t>シャ</t>
    </rPh>
    <phoneticPr fontId="4"/>
  </si>
  <si>
    <t>の割合が20％以上である</t>
    <phoneticPr fontId="4"/>
  </si>
  <si>
    <t>②　日常生活自立度のランクⅢ、Ⅳ又はＭに該当する者の数　注</t>
    <rPh sb="2" eb="4">
      <t>ニチジョウ</t>
    </rPh>
    <rPh sb="4" eb="6">
      <t>セイカツ</t>
    </rPh>
    <rPh sb="6" eb="9">
      <t>ジリツド</t>
    </rPh>
    <rPh sb="16" eb="17">
      <t>マタ</t>
    </rPh>
    <rPh sb="20" eb="22">
      <t>ガイトウ</t>
    </rPh>
    <rPh sb="24" eb="25">
      <t>モノ</t>
    </rPh>
    <rPh sb="26" eb="27">
      <t>スウ</t>
    </rPh>
    <rPh sb="28" eb="29">
      <t>チュウ</t>
    </rPh>
    <phoneticPr fontId="4"/>
  </si>
  <si>
    <t>認知症介護の指導に係る専門的な研修を修了している者を１名以上配置し、</t>
    <phoneticPr fontId="4"/>
  </si>
  <si>
    <t>事業所全体の認知症ケアの指導等を実施している</t>
    <rPh sb="0" eb="3">
      <t>ジギョウショ</t>
    </rPh>
    <phoneticPr fontId="4"/>
  </si>
  <si>
    <t>(4)</t>
    <phoneticPr fontId="4"/>
  </si>
  <si>
    <t>事業所において介護職員、看護職員ごとの認知症ケアに関する研修計画を</t>
    <phoneticPr fontId="4"/>
  </si>
  <si>
    <t>作成し、当該計画に従い、研修を実施又は実施を予定している</t>
    <phoneticPr fontId="4"/>
  </si>
  <si>
    <t>備考１　要件を満たすことが分かる根拠書類を準備し、指定権者からの求めがあった場合には、速やかに提出</t>
    <rPh sb="0" eb="2">
      <t>ビコウ</t>
    </rPh>
    <rPh sb="4" eb="6">
      <t>ヨウケン</t>
    </rPh>
    <rPh sb="7" eb="8">
      <t>ミ</t>
    </rPh>
    <rPh sb="13" eb="14">
      <t>ワ</t>
    </rPh>
    <rPh sb="16" eb="18">
      <t>コンキョ</t>
    </rPh>
    <rPh sb="18" eb="20">
      <t>ショルイ</t>
    </rPh>
    <phoneticPr fontId="4"/>
  </si>
  <si>
    <t>すること。</t>
  </si>
  <si>
    <t>備考２　「認知症介護に係る専門的な研修」とは、認知症介護実践リーダー研修及び認知症看護に係る適切な</t>
    <rPh sb="0" eb="2">
      <t>ビコウ</t>
    </rPh>
    <phoneticPr fontId="4"/>
  </si>
  <si>
    <t>研修を、「認知症介護の指導に係る専門的な研修」とは、認知症介護指導者養成研修及び認知症看護に係る</t>
    <phoneticPr fontId="4"/>
  </si>
  <si>
    <t>適切な研修を指す。</t>
    <phoneticPr fontId="4"/>
  </si>
  <si>
    <t>※認知症看護に係る適切な研修：</t>
    <rPh sb="1" eb="4">
      <t>ニンチショウ</t>
    </rPh>
    <rPh sb="4" eb="6">
      <t>カンゴ</t>
    </rPh>
    <rPh sb="7" eb="8">
      <t>カカ</t>
    </rPh>
    <rPh sb="9" eb="11">
      <t>テキセツ</t>
    </rPh>
    <rPh sb="12" eb="14">
      <t>ケンシュウ</t>
    </rPh>
    <phoneticPr fontId="4"/>
  </si>
  <si>
    <t>①日本看護協会認定看護師教育課程「認知症看護」の研修</t>
  </si>
  <si>
    <t>②日本看護協会が認定している看護系大学院の「老人看護」及び</t>
    <rPh sb="1" eb="3">
      <t>ニホン</t>
    </rPh>
    <rPh sb="3" eb="5">
      <t>カンゴ</t>
    </rPh>
    <rPh sb="5" eb="7">
      <t>キョウカイ</t>
    </rPh>
    <rPh sb="8" eb="10">
      <t>ニンテイ</t>
    </rPh>
    <rPh sb="14" eb="16">
      <t>カンゴ</t>
    </rPh>
    <rPh sb="16" eb="17">
      <t>ケイ</t>
    </rPh>
    <rPh sb="17" eb="20">
      <t>ダイガクイン</t>
    </rPh>
    <rPh sb="22" eb="24">
      <t>ロウジン</t>
    </rPh>
    <rPh sb="24" eb="26">
      <t>カンゴ</t>
    </rPh>
    <rPh sb="27" eb="28">
      <t>オヨ</t>
    </rPh>
    <phoneticPr fontId="4"/>
  </si>
  <si>
    <t>　「精神看護」の専門看護師教育課程</t>
    <phoneticPr fontId="4"/>
  </si>
  <si>
    <t>③日本精神科看護協会が認定している「精神科認定看護師」</t>
    <rPh sb="1" eb="3">
      <t>ニホン</t>
    </rPh>
    <rPh sb="3" eb="6">
      <t>セイシンカ</t>
    </rPh>
    <rPh sb="6" eb="8">
      <t>カンゴ</t>
    </rPh>
    <rPh sb="8" eb="10">
      <t>キョウカイ</t>
    </rPh>
    <rPh sb="11" eb="13">
      <t>ニンテイ</t>
    </rPh>
    <rPh sb="18" eb="20">
      <t>セイシン</t>
    </rPh>
    <rPh sb="20" eb="21">
      <t>カ</t>
    </rPh>
    <rPh sb="21" eb="23">
      <t>ニンテイ</t>
    </rPh>
    <rPh sb="23" eb="26">
      <t>カンゴシ</t>
    </rPh>
    <phoneticPr fontId="4"/>
  </si>
  <si>
    <t>　（認定証が発行されている者に限る）</t>
    <phoneticPr fontId="4"/>
  </si>
  <si>
    <t>備考３　認知症専門ケア加算（Ⅱ）の算定にあっては、認知症介護実践リーダー研修と認知症介護指導者養成</t>
    <rPh sb="0" eb="2">
      <t>ビコウ</t>
    </rPh>
    <rPh sb="4" eb="7">
      <t>ニンチショウ</t>
    </rPh>
    <rPh sb="7" eb="9">
      <t>センモン</t>
    </rPh>
    <rPh sb="11" eb="13">
      <t>カサン</t>
    </rPh>
    <rPh sb="17" eb="19">
      <t>サンテイ</t>
    </rPh>
    <rPh sb="25" eb="28">
      <t>ニンチショウ</t>
    </rPh>
    <rPh sb="28" eb="30">
      <t>カイゴ</t>
    </rPh>
    <rPh sb="30" eb="32">
      <t>ジッセン</t>
    </rPh>
    <rPh sb="36" eb="38">
      <t>ケンシュウ</t>
    </rPh>
    <rPh sb="39" eb="42">
      <t>ニンチショウ</t>
    </rPh>
    <rPh sb="42" eb="44">
      <t>カイゴ</t>
    </rPh>
    <rPh sb="44" eb="47">
      <t>シドウシャ</t>
    </rPh>
    <rPh sb="47" eb="48">
      <t>ヨウ</t>
    </rPh>
    <phoneticPr fontId="4"/>
  </si>
  <si>
    <t>研修の両方を修了した者、又は認知症看護に係る適切な研修を修了した者を１名配置する場合、「認知症介</t>
    <rPh sb="22" eb="24">
      <t>テキセツ</t>
    </rPh>
    <rPh sb="25" eb="27">
      <t>ケンシュウ</t>
    </rPh>
    <rPh sb="28" eb="30">
      <t>シュウリョウ</t>
    </rPh>
    <rPh sb="32" eb="33">
      <t>モノ</t>
    </rPh>
    <rPh sb="35" eb="36">
      <t>メイ</t>
    </rPh>
    <rPh sb="36" eb="38">
      <t>ハイチ</t>
    </rPh>
    <rPh sb="40" eb="42">
      <t>バアイ</t>
    </rPh>
    <rPh sb="44" eb="47">
      <t>ニンチショウ</t>
    </rPh>
    <phoneticPr fontId="4"/>
  </si>
  <si>
    <t>護に係る専門的な研修」及び「認知症介護の指導に係る専門的な研修」の修了者をそれぞれ１名配置したこ</t>
    <phoneticPr fontId="4"/>
  </si>
  <si>
    <t>とになる。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name val="HGSｺﾞｼｯｸM"/>
      <family val="3"/>
      <charset val="128"/>
    </font>
    <font>
      <sz val="8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56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top"/>
    </xf>
    <xf numFmtId="0" fontId="2" fillId="0" borderId="1" xfId="1" applyFont="1" applyBorder="1" applyAlignment="1">
      <alignment horizontal="centerContinuous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3" xfId="1" applyFont="1" applyBorder="1" applyAlignment="1">
      <alignment horizontal="center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horizontal="center" vertical="center"/>
    </xf>
    <xf numFmtId="0" fontId="2" fillId="0" borderId="6" xfId="1" applyFont="1" applyBorder="1" applyAlignment="1">
      <alignment vertical="center"/>
    </xf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9" xfId="1" applyFont="1" applyBorder="1" applyAlignment="1">
      <alignment horizontal="left" vertical="center"/>
    </xf>
    <xf numFmtId="0" fontId="2" fillId="0" borderId="3" xfId="1" applyFont="1" applyBorder="1" applyAlignment="1">
      <alignment vertical="center" wrapText="1" shrinkToFit="1"/>
    </xf>
    <xf numFmtId="0" fontId="2" fillId="0" borderId="2" xfId="1" applyFont="1" applyBorder="1" applyAlignment="1">
      <alignment horizontal="left" vertical="center"/>
    </xf>
    <xf numFmtId="0" fontId="2" fillId="0" borderId="5" xfId="1" applyFont="1" applyBorder="1" applyAlignment="1">
      <alignment horizontal="left" vertical="center"/>
    </xf>
    <xf numFmtId="0" fontId="2" fillId="0" borderId="7" xfId="1" applyFont="1" applyBorder="1" applyAlignment="1">
      <alignment vertical="center"/>
    </xf>
    <xf numFmtId="0" fontId="2" fillId="0" borderId="5" xfId="1" applyFont="1" applyBorder="1" applyAlignment="1">
      <alignment horizontal="center" vertical="center"/>
    </xf>
    <xf numFmtId="0" fontId="2" fillId="0" borderId="8" xfId="1" applyFont="1" applyBorder="1" applyAlignment="1">
      <alignment horizontal="left" vertical="center"/>
    </xf>
    <xf numFmtId="49" fontId="2" fillId="0" borderId="0" xfId="1" applyNumberFormat="1" applyFont="1" applyAlignment="1">
      <alignment horizontal="left" vertical="center"/>
    </xf>
    <xf numFmtId="0" fontId="5" fillId="0" borderId="9" xfId="1" applyFont="1" applyBorder="1" applyAlignment="1">
      <alignment vertical="center"/>
    </xf>
    <xf numFmtId="0" fontId="5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vertical="center"/>
    </xf>
    <xf numFmtId="0" fontId="2" fillId="0" borderId="8" xfId="1" applyFont="1" applyBorder="1" applyAlignment="1">
      <alignment horizontal="center" vertical="center"/>
    </xf>
    <xf numFmtId="0" fontId="2" fillId="0" borderId="2" xfId="1" applyFont="1" applyBorder="1" applyAlignment="1">
      <alignment vertical="center"/>
    </xf>
    <xf numFmtId="1" fontId="2" fillId="0" borderId="3" xfId="1" applyNumberFormat="1" applyFont="1" applyBorder="1" applyAlignment="1">
      <alignment vertical="center"/>
    </xf>
    <xf numFmtId="1" fontId="2" fillId="2" borderId="2" xfId="1" applyNumberFormat="1" applyFont="1" applyFill="1" applyBorder="1" applyAlignment="1">
      <alignment horizontal="center" vertical="center"/>
    </xf>
    <xf numFmtId="1" fontId="2" fillId="2" borderId="3" xfId="1" applyNumberFormat="1" applyFont="1" applyFill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5" fillId="0" borderId="0" xfId="1" applyFont="1" applyAlignment="1">
      <alignment horizontal="center" vertical="center"/>
    </xf>
    <xf numFmtId="0" fontId="6" fillId="0" borderId="0" xfId="1" applyFont="1" applyAlignment="1">
      <alignment horizontal="left" vertical="center"/>
    </xf>
    <xf numFmtId="0" fontId="6" fillId="0" borderId="1" xfId="1" applyFont="1" applyBorder="1" applyAlignment="1">
      <alignment horizontal="center" vertical="center"/>
    </xf>
    <xf numFmtId="0" fontId="6" fillId="0" borderId="2" xfId="1" applyFont="1" applyBorder="1" applyAlignment="1">
      <alignment horizontal="center" vertical="center"/>
    </xf>
    <xf numFmtId="0" fontId="6" fillId="0" borderId="10" xfId="1" applyFont="1" applyBorder="1" applyAlignment="1">
      <alignment horizontal="center" vertical="center"/>
    </xf>
    <xf numFmtId="0" fontId="2" fillId="0" borderId="0" xfId="1" applyFont="1" applyAlignment="1">
      <alignment horizontal="left" vertical="center" wrapText="1"/>
    </xf>
    <xf numFmtId="0" fontId="2" fillId="0" borderId="0" xfId="1" applyFont="1" applyAlignment="1">
      <alignment vertical="center" wrapText="1"/>
    </xf>
    <xf numFmtId="0" fontId="2" fillId="0" borderId="0" xfId="1" applyFont="1" applyAlignment="1">
      <alignment vertical="center" wrapText="1"/>
    </xf>
    <xf numFmtId="0" fontId="2" fillId="0" borderId="11" xfId="1" applyFont="1" applyBorder="1" applyAlignment="1">
      <alignment horizontal="left" vertical="center"/>
    </xf>
    <xf numFmtId="49" fontId="2" fillId="0" borderId="12" xfId="1" applyNumberFormat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  <xf numFmtId="0" fontId="2" fillId="0" borderId="13" xfId="1" applyFont="1" applyBorder="1" applyAlignment="1">
      <alignment horizontal="left" vertical="center"/>
    </xf>
    <xf numFmtId="0" fontId="2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</cellXfs>
  <cellStyles count="2">
    <cellStyle name="標準" xfId="0" builtinId="0"/>
    <cellStyle name="標準 2" xfId="1" xr:uid="{78636636-1A06-4D46-AEDE-A94642D42C4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5D5F47-F16F-4098-97E1-F504FED9B7F2}">
  <dimension ref="A2:AJ969"/>
  <sheetViews>
    <sheetView tabSelected="1" zoomScaleNormal="100" zoomScaleSheetLayoutView="130" workbookViewId="0">
      <selection activeCell="F61" sqref="F61"/>
    </sheetView>
  </sheetViews>
  <sheetFormatPr defaultColWidth="4" defaultRowHeight="13.5" x14ac:dyDescent="0.4"/>
  <cols>
    <col min="1" max="1" width="2.875" style="1" customWidth="1"/>
    <col min="2" max="2" width="2.375" style="1" customWidth="1"/>
    <col min="3" max="3" width="3.5" style="1" customWidth="1"/>
    <col min="4" max="13" width="3.625" style="1" customWidth="1"/>
    <col min="14" max="14" width="4.875" style="1" customWidth="1"/>
    <col min="15" max="15" width="3.625" style="1" customWidth="1"/>
    <col min="16" max="16" width="1.5" style="1" customWidth="1"/>
    <col min="17" max="18" width="3.625" style="1" customWidth="1"/>
    <col min="19" max="19" width="2.75" style="1" customWidth="1"/>
    <col min="20" max="31" width="3.625" style="1" customWidth="1"/>
    <col min="32" max="16384" width="4" style="1"/>
  </cols>
  <sheetData>
    <row r="2" spans="2:31" x14ac:dyDescent="0.4">
      <c r="B2" s="1" t="s">
        <v>0</v>
      </c>
    </row>
    <row r="3" spans="2:31" x14ac:dyDescent="0.4">
      <c r="U3" s="2"/>
      <c r="X3" s="3" t="s">
        <v>1</v>
      </c>
      <c r="Y3" s="4"/>
      <c r="Z3" s="4"/>
      <c r="AA3" s="3" t="s">
        <v>2</v>
      </c>
      <c r="AB3" s="5"/>
      <c r="AC3" s="3" t="s">
        <v>3</v>
      </c>
      <c r="AD3" s="5"/>
      <c r="AE3" s="3" t="s">
        <v>4</v>
      </c>
    </row>
    <row r="4" spans="2:31" x14ac:dyDescent="0.4">
      <c r="T4" s="6"/>
      <c r="U4" s="6"/>
      <c r="V4" s="6"/>
    </row>
    <row r="5" spans="2:31" x14ac:dyDescent="0.4">
      <c r="B5" s="4" t="s">
        <v>5</v>
      </c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  <c r="AC5" s="4"/>
      <c r="AD5" s="4"/>
      <c r="AE5" s="4"/>
    </row>
    <row r="6" spans="2:31" x14ac:dyDescent="0.4">
      <c r="B6" s="4" t="s">
        <v>6</v>
      </c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5"/>
    </row>
    <row r="7" spans="2:31" ht="23.25" customHeight="1" x14ac:dyDescent="0.4"/>
    <row r="8" spans="2:31" ht="23.25" customHeight="1" x14ac:dyDescent="0.4">
      <c r="B8" s="7" t="s">
        <v>7</v>
      </c>
      <c r="C8" s="7"/>
      <c r="D8" s="7"/>
      <c r="E8" s="7"/>
      <c r="F8" s="8"/>
      <c r="G8" s="9"/>
      <c r="H8" s="9"/>
      <c r="I8" s="9"/>
      <c r="J8" s="9"/>
      <c r="K8" s="9"/>
      <c r="L8" s="9"/>
      <c r="M8" s="9"/>
      <c r="N8" s="9"/>
      <c r="O8" s="9"/>
      <c r="P8" s="9"/>
      <c r="Q8" s="9"/>
      <c r="R8" s="9"/>
      <c r="S8" s="9"/>
      <c r="T8" s="9"/>
      <c r="U8" s="9"/>
      <c r="V8" s="9"/>
      <c r="W8" s="9"/>
      <c r="X8" s="9"/>
      <c r="Y8" s="9"/>
      <c r="Z8" s="9"/>
      <c r="AA8" s="9"/>
      <c r="AB8" s="9"/>
      <c r="AC8" s="9"/>
      <c r="AD8" s="9"/>
      <c r="AE8" s="10"/>
    </row>
    <row r="9" spans="2:31" ht="24.95" customHeight="1" x14ac:dyDescent="0.4">
      <c r="B9" s="7" t="s">
        <v>8</v>
      </c>
      <c r="C9" s="7"/>
      <c r="D9" s="7"/>
      <c r="E9" s="7"/>
      <c r="F9" s="11" t="s">
        <v>9</v>
      </c>
      <c r="G9" s="12" t="s">
        <v>10</v>
      </c>
      <c r="H9" s="12"/>
      <c r="I9" s="12"/>
      <c r="J9" s="12"/>
      <c r="K9" s="13" t="s">
        <v>9</v>
      </c>
      <c r="L9" s="12" t="s">
        <v>11</v>
      </c>
      <c r="M9" s="12"/>
      <c r="N9" s="12"/>
      <c r="O9" s="12"/>
      <c r="P9" s="12"/>
      <c r="Q9" s="13" t="s">
        <v>9</v>
      </c>
      <c r="R9" s="12" t="s">
        <v>12</v>
      </c>
      <c r="S9" s="12"/>
      <c r="T9" s="12"/>
      <c r="U9" s="12"/>
      <c r="V9" s="12"/>
      <c r="W9" s="12"/>
      <c r="X9" s="12"/>
      <c r="Y9" s="12"/>
      <c r="Z9" s="12"/>
      <c r="AA9" s="12"/>
      <c r="AB9" s="12"/>
      <c r="AC9" s="12"/>
      <c r="AD9" s="14"/>
      <c r="AE9" s="15"/>
    </row>
    <row r="10" spans="2:31" ht="24.95" customHeight="1" x14ac:dyDescent="0.4">
      <c r="B10" s="16" t="s">
        <v>13</v>
      </c>
      <c r="C10" s="17"/>
      <c r="D10" s="17"/>
      <c r="E10" s="18"/>
      <c r="F10" s="5" t="s">
        <v>9</v>
      </c>
      <c r="G10" s="2" t="s">
        <v>14</v>
      </c>
      <c r="H10" s="2"/>
      <c r="I10" s="2"/>
      <c r="J10" s="2"/>
      <c r="K10" s="2"/>
      <c r="L10" s="2"/>
      <c r="M10" s="2"/>
      <c r="N10" s="2"/>
      <c r="O10" s="2"/>
      <c r="Q10" s="19"/>
      <c r="R10" s="20" t="s">
        <v>9</v>
      </c>
      <c r="S10" s="2" t="s">
        <v>15</v>
      </c>
      <c r="T10" s="2"/>
      <c r="U10" s="2"/>
      <c r="V10" s="2"/>
      <c r="W10" s="21"/>
      <c r="X10" s="21"/>
      <c r="Y10" s="21"/>
      <c r="Z10" s="21"/>
      <c r="AA10" s="21"/>
      <c r="AB10" s="21"/>
      <c r="AC10" s="21"/>
      <c r="AD10" s="19"/>
      <c r="AE10" s="22"/>
    </row>
    <row r="11" spans="2:31" ht="24.95" customHeight="1" x14ac:dyDescent="0.4">
      <c r="B11" s="23"/>
      <c r="C11" s="4"/>
      <c r="D11" s="4"/>
      <c r="E11" s="24"/>
      <c r="F11" s="5" t="s">
        <v>9</v>
      </c>
      <c r="G11" s="2" t="s">
        <v>16</v>
      </c>
      <c r="H11" s="2"/>
      <c r="I11" s="2"/>
      <c r="J11" s="2"/>
      <c r="K11" s="2"/>
      <c r="L11" s="2"/>
      <c r="M11" s="2"/>
      <c r="N11" s="2"/>
      <c r="O11" s="2"/>
      <c r="R11" s="5" t="s">
        <v>9</v>
      </c>
      <c r="S11" s="2" t="s">
        <v>17</v>
      </c>
      <c r="T11" s="2"/>
      <c r="U11" s="2"/>
      <c r="V11" s="2"/>
      <c r="W11" s="2"/>
      <c r="X11" s="2"/>
      <c r="Y11" s="2"/>
      <c r="Z11" s="2"/>
      <c r="AA11" s="2"/>
      <c r="AB11" s="2"/>
      <c r="AC11" s="2"/>
      <c r="AE11" s="25"/>
    </row>
    <row r="12" spans="2:31" ht="24.95" customHeight="1" x14ac:dyDescent="0.4">
      <c r="B12" s="7" t="s">
        <v>18</v>
      </c>
      <c r="C12" s="7"/>
      <c r="D12" s="7"/>
      <c r="E12" s="7"/>
      <c r="F12" s="11" t="s">
        <v>9</v>
      </c>
      <c r="G12" s="12" t="s">
        <v>19</v>
      </c>
      <c r="H12" s="26"/>
      <c r="I12" s="26"/>
      <c r="J12" s="26"/>
      <c r="K12" s="26"/>
      <c r="L12" s="26"/>
      <c r="M12" s="26"/>
      <c r="N12" s="26"/>
      <c r="O12" s="26"/>
      <c r="P12" s="26"/>
      <c r="Q12" s="14"/>
      <c r="R12" s="13" t="s">
        <v>9</v>
      </c>
      <c r="S12" s="12" t="s">
        <v>20</v>
      </c>
      <c r="T12" s="26"/>
      <c r="U12" s="26"/>
      <c r="V12" s="26"/>
      <c r="W12" s="26"/>
      <c r="X12" s="26"/>
      <c r="Y12" s="26"/>
      <c r="Z12" s="26"/>
      <c r="AA12" s="26"/>
      <c r="AB12" s="26"/>
      <c r="AC12" s="26"/>
      <c r="AD12" s="14"/>
      <c r="AE12" s="15"/>
    </row>
    <row r="13" spans="2:31" ht="24.95" customHeight="1" x14ac:dyDescent="0.4"/>
    <row r="14" spans="2:31" ht="24.95" customHeight="1" x14ac:dyDescent="0.4">
      <c r="B14" s="27"/>
      <c r="C14" s="14"/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4"/>
      <c r="W14" s="14"/>
      <c r="X14" s="14"/>
      <c r="Y14" s="14"/>
      <c r="Z14" s="15"/>
      <c r="AA14" s="11"/>
      <c r="AB14" s="13" t="s">
        <v>21</v>
      </c>
      <c r="AC14" s="13" t="s">
        <v>22</v>
      </c>
      <c r="AD14" s="13" t="s">
        <v>23</v>
      </c>
      <c r="AE14" s="15"/>
    </row>
    <row r="15" spans="2:31" ht="24.95" customHeight="1" x14ac:dyDescent="0.4">
      <c r="B15" s="28" t="s">
        <v>24</v>
      </c>
      <c r="C15" s="19"/>
      <c r="D15" s="19"/>
      <c r="E15" s="19"/>
      <c r="F15" s="19"/>
      <c r="G15" s="19"/>
      <c r="H15" s="19"/>
      <c r="I15" s="19"/>
      <c r="J15" s="19"/>
      <c r="K15" s="19"/>
      <c r="L15" s="19"/>
      <c r="M15" s="19"/>
      <c r="N15" s="19"/>
      <c r="O15" s="19"/>
      <c r="P15" s="19"/>
      <c r="Q15" s="19"/>
      <c r="R15" s="19"/>
      <c r="S15" s="19"/>
      <c r="T15" s="19"/>
      <c r="U15" s="19"/>
      <c r="V15" s="19"/>
      <c r="W15" s="19"/>
      <c r="X15" s="19"/>
      <c r="Y15" s="19"/>
      <c r="Z15" s="29"/>
      <c r="AA15" s="30"/>
      <c r="AB15" s="20"/>
      <c r="AC15" s="20"/>
      <c r="AD15" s="19"/>
      <c r="AE15" s="22"/>
    </row>
    <row r="16" spans="2:31" ht="30.75" customHeight="1" x14ac:dyDescent="0.4">
      <c r="B16" s="31"/>
      <c r="C16" s="32" t="s">
        <v>25</v>
      </c>
      <c r="D16" s="1" t="s">
        <v>26</v>
      </c>
      <c r="Z16" s="33"/>
      <c r="AA16" s="34"/>
      <c r="AB16" s="5" t="s">
        <v>9</v>
      </c>
      <c r="AC16" s="5" t="s">
        <v>22</v>
      </c>
      <c r="AD16" s="5" t="s">
        <v>9</v>
      </c>
      <c r="AE16" s="25"/>
    </row>
    <row r="17" spans="2:31" x14ac:dyDescent="0.4">
      <c r="B17" s="31"/>
      <c r="D17" s="1" t="s">
        <v>27</v>
      </c>
      <c r="Z17" s="35"/>
      <c r="AA17" s="36"/>
      <c r="AB17" s="5"/>
      <c r="AC17" s="5"/>
      <c r="AE17" s="25"/>
    </row>
    <row r="18" spans="2:31" x14ac:dyDescent="0.4">
      <c r="B18" s="31"/>
      <c r="Z18" s="35"/>
      <c r="AA18" s="36"/>
      <c r="AB18" s="5"/>
      <c r="AC18" s="5"/>
      <c r="AE18" s="25"/>
    </row>
    <row r="19" spans="2:31" x14ac:dyDescent="0.4">
      <c r="B19" s="31"/>
      <c r="D19" s="37" t="s">
        <v>28</v>
      </c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4"/>
      <c r="P19" s="14"/>
      <c r="Q19" s="14"/>
      <c r="R19" s="14"/>
      <c r="S19" s="12"/>
      <c r="T19" s="12"/>
      <c r="U19" s="8"/>
      <c r="V19" s="9"/>
      <c r="W19" s="9"/>
      <c r="X19" s="14" t="s">
        <v>29</v>
      </c>
      <c r="Y19" s="31"/>
      <c r="Z19" s="35"/>
      <c r="AA19" s="36"/>
      <c r="AB19" s="5"/>
      <c r="AC19" s="5"/>
      <c r="AE19" s="25"/>
    </row>
    <row r="20" spans="2:31" x14ac:dyDescent="0.4">
      <c r="B20" s="31"/>
      <c r="D20" s="37" t="s">
        <v>30</v>
      </c>
      <c r="E20" s="12"/>
      <c r="F20" s="12"/>
      <c r="G20" s="12"/>
      <c r="H20" s="12"/>
      <c r="I20" s="12"/>
      <c r="J20" s="12"/>
      <c r="K20" s="12"/>
      <c r="L20" s="12"/>
      <c r="M20" s="12"/>
      <c r="N20" s="12"/>
      <c r="O20" s="14"/>
      <c r="P20" s="14"/>
      <c r="Q20" s="14"/>
      <c r="R20" s="14"/>
      <c r="S20" s="12"/>
      <c r="T20" s="12"/>
      <c r="U20" s="8"/>
      <c r="V20" s="9"/>
      <c r="W20" s="9"/>
      <c r="X20" s="14" t="s">
        <v>29</v>
      </c>
      <c r="Y20" s="31"/>
      <c r="Z20" s="25"/>
      <c r="AA20" s="36"/>
      <c r="AB20" s="5"/>
      <c r="AC20" s="5"/>
      <c r="AE20" s="25"/>
    </row>
    <row r="21" spans="2:31" x14ac:dyDescent="0.4">
      <c r="B21" s="31"/>
      <c r="D21" s="37" t="s">
        <v>31</v>
      </c>
      <c r="E21" s="12"/>
      <c r="F21" s="12"/>
      <c r="G21" s="12"/>
      <c r="H21" s="12"/>
      <c r="I21" s="12"/>
      <c r="J21" s="12"/>
      <c r="K21" s="12"/>
      <c r="L21" s="12"/>
      <c r="M21" s="12"/>
      <c r="N21" s="12"/>
      <c r="O21" s="14"/>
      <c r="P21" s="14"/>
      <c r="Q21" s="14"/>
      <c r="R21" s="14"/>
      <c r="S21" s="12"/>
      <c r="T21" s="38" t="str">
        <f>(IFERROR(ROUNDDOWN(T20/T19*100,0),""))</f>
        <v/>
      </c>
      <c r="U21" s="39" t="str">
        <f>(IFERROR(ROUNDDOWN(U20/U19*100,0),""))</f>
        <v/>
      </c>
      <c r="V21" s="40"/>
      <c r="W21" s="40"/>
      <c r="X21" s="14" t="s">
        <v>32</v>
      </c>
      <c r="Y21" s="31"/>
      <c r="Z21" s="41"/>
      <c r="AA21" s="36"/>
      <c r="AB21" s="5"/>
      <c r="AC21" s="5"/>
      <c r="AE21" s="25"/>
    </row>
    <row r="22" spans="2:31" ht="13.5" customHeight="1" x14ac:dyDescent="0.4">
      <c r="B22" s="31"/>
      <c r="D22" s="1" t="s">
        <v>33</v>
      </c>
      <c r="Z22" s="41"/>
      <c r="AA22" s="36"/>
      <c r="AB22" s="5"/>
      <c r="AC22" s="5"/>
      <c r="AE22" s="25"/>
    </row>
    <row r="23" spans="2:31" x14ac:dyDescent="0.4">
      <c r="B23" s="31"/>
      <c r="Z23" s="41"/>
      <c r="AA23" s="36"/>
      <c r="AB23" s="5"/>
      <c r="AC23" s="5"/>
      <c r="AE23" s="25"/>
    </row>
    <row r="24" spans="2:31" x14ac:dyDescent="0.4">
      <c r="B24" s="31"/>
      <c r="Z24" s="41"/>
      <c r="AA24" s="36"/>
      <c r="AB24" s="5"/>
      <c r="AC24" s="5"/>
      <c r="AE24" s="25"/>
    </row>
    <row r="25" spans="2:31" x14ac:dyDescent="0.4">
      <c r="B25" s="31"/>
      <c r="C25" s="32" t="s">
        <v>34</v>
      </c>
      <c r="D25" s="1" t="s">
        <v>35</v>
      </c>
      <c r="Z25" s="33"/>
      <c r="AA25" s="36"/>
      <c r="AB25" s="5" t="s">
        <v>9</v>
      </c>
      <c r="AC25" s="5" t="s">
        <v>22</v>
      </c>
      <c r="AD25" s="5" t="s">
        <v>9</v>
      </c>
      <c r="AE25" s="25"/>
    </row>
    <row r="26" spans="2:31" x14ac:dyDescent="0.4">
      <c r="B26" s="31"/>
      <c r="C26" s="32"/>
      <c r="D26" s="1" t="s">
        <v>36</v>
      </c>
      <c r="Z26" s="33"/>
      <c r="AA26" s="36"/>
      <c r="AB26" s="5"/>
      <c r="AC26" s="5"/>
      <c r="AD26" s="5"/>
      <c r="AE26" s="25"/>
    </row>
    <row r="27" spans="2:31" x14ac:dyDescent="0.4">
      <c r="B27" s="31"/>
      <c r="C27" s="32"/>
      <c r="D27" s="1" t="s">
        <v>37</v>
      </c>
      <c r="Z27" s="33"/>
      <c r="AA27" s="34"/>
      <c r="AB27" s="5"/>
      <c r="AC27" s="42"/>
      <c r="AE27" s="25"/>
    </row>
    <row r="28" spans="2:31" x14ac:dyDescent="0.4">
      <c r="B28" s="31"/>
      <c r="Z28" s="41"/>
      <c r="AA28" s="36"/>
      <c r="AB28" s="5"/>
      <c r="AC28" s="5"/>
      <c r="AE28" s="25"/>
    </row>
    <row r="29" spans="2:31" x14ac:dyDescent="0.4">
      <c r="B29" s="31"/>
      <c r="C29" s="32"/>
      <c r="D29" s="37" t="s">
        <v>38</v>
      </c>
      <c r="E29" s="12"/>
      <c r="F29" s="12"/>
      <c r="G29" s="12"/>
      <c r="H29" s="12"/>
      <c r="I29" s="12"/>
      <c r="J29" s="12"/>
      <c r="K29" s="12"/>
      <c r="L29" s="12"/>
      <c r="M29" s="12"/>
      <c r="N29" s="12"/>
      <c r="O29" s="14"/>
      <c r="P29" s="14"/>
      <c r="Q29" s="14"/>
      <c r="R29" s="14"/>
      <c r="S29" s="14"/>
      <c r="T29" s="15"/>
      <c r="U29" s="8"/>
      <c r="V29" s="9"/>
      <c r="W29" s="9"/>
      <c r="X29" s="15" t="s">
        <v>29</v>
      </c>
      <c r="Y29" s="31"/>
      <c r="Z29" s="41"/>
      <c r="AA29" s="36"/>
      <c r="AB29" s="5"/>
      <c r="AC29" s="5"/>
      <c r="AE29" s="25"/>
    </row>
    <row r="30" spans="2:31" x14ac:dyDescent="0.4">
      <c r="B30" s="31"/>
      <c r="C30" s="3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U30" s="5"/>
      <c r="V30" s="5"/>
      <c r="W30" s="5"/>
      <c r="Z30" s="41"/>
      <c r="AA30" s="36"/>
      <c r="AB30" s="5"/>
      <c r="AC30" s="5"/>
      <c r="AE30" s="25"/>
    </row>
    <row r="31" spans="2:31" x14ac:dyDescent="0.4">
      <c r="B31" s="31"/>
      <c r="C31" s="32"/>
      <c r="D31" s="43" t="s">
        <v>39</v>
      </c>
      <c r="Z31" s="41"/>
      <c r="AA31" s="36"/>
      <c r="AB31" s="5"/>
      <c r="AC31" s="5"/>
      <c r="AE31" s="25"/>
    </row>
    <row r="32" spans="2:31" ht="13.5" customHeight="1" x14ac:dyDescent="0.4">
      <c r="B32" s="31"/>
      <c r="C32" s="32"/>
      <c r="D32" s="44" t="s">
        <v>40</v>
      </c>
      <c r="E32" s="44"/>
      <c r="F32" s="44"/>
      <c r="G32" s="44"/>
      <c r="H32" s="44"/>
      <c r="I32" s="44"/>
      <c r="J32" s="44"/>
      <c r="K32" s="44"/>
      <c r="L32" s="44"/>
      <c r="M32" s="44"/>
      <c r="N32" s="44"/>
      <c r="O32" s="44" t="s">
        <v>41</v>
      </c>
      <c r="P32" s="44"/>
      <c r="Q32" s="44"/>
      <c r="R32" s="44"/>
      <c r="S32" s="44"/>
      <c r="Z32" s="41"/>
      <c r="AA32" s="36"/>
      <c r="AB32" s="5"/>
      <c r="AC32" s="5"/>
      <c r="AE32" s="25"/>
    </row>
    <row r="33" spans="2:36" x14ac:dyDescent="0.4">
      <c r="B33" s="31"/>
      <c r="C33" s="32"/>
      <c r="D33" s="44" t="s">
        <v>42</v>
      </c>
      <c r="E33" s="44"/>
      <c r="F33" s="44"/>
      <c r="G33" s="44"/>
      <c r="H33" s="44"/>
      <c r="I33" s="44"/>
      <c r="J33" s="44"/>
      <c r="K33" s="44"/>
      <c r="L33" s="44"/>
      <c r="M33" s="44"/>
      <c r="N33" s="44"/>
      <c r="O33" s="44" t="s">
        <v>43</v>
      </c>
      <c r="P33" s="44"/>
      <c r="Q33" s="44"/>
      <c r="R33" s="44"/>
      <c r="S33" s="44"/>
      <c r="Z33" s="41"/>
      <c r="AA33" s="36"/>
      <c r="AB33" s="5"/>
      <c r="AC33" s="5"/>
      <c r="AE33" s="25"/>
    </row>
    <row r="34" spans="2:36" ht="13.5" customHeight="1" x14ac:dyDescent="0.4">
      <c r="B34" s="31"/>
      <c r="C34" s="32"/>
      <c r="D34" s="44" t="s">
        <v>44</v>
      </c>
      <c r="E34" s="44"/>
      <c r="F34" s="44"/>
      <c r="G34" s="44"/>
      <c r="H34" s="44"/>
      <c r="I34" s="44"/>
      <c r="J34" s="44"/>
      <c r="K34" s="44"/>
      <c r="L34" s="44"/>
      <c r="M34" s="44"/>
      <c r="N34" s="44"/>
      <c r="O34" s="44" t="s">
        <v>45</v>
      </c>
      <c r="P34" s="44"/>
      <c r="Q34" s="44"/>
      <c r="R34" s="44"/>
      <c r="S34" s="44"/>
      <c r="Z34" s="41"/>
      <c r="AA34" s="36"/>
      <c r="AB34" s="5"/>
      <c r="AC34" s="5"/>
      <c r="AE34" s="25"/>
    </row>
    <row r="35" spans="2:36" x14ac:dyDescent="0.4">
      <c r="B35" s="31"/>
      <c r="C35" s="32"/>
      <c r="D35" s="44" t="s">
        <v>46</v>
      </c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 t="s">
        <v>47</v>
      </c>
      <c r="P35" s="44"/>
      <c r="Q35" s="44"/>
      <c r="R35" s="44"/>
      <c r="S35" s="44"/>
      <c r="Z35" s="41"/>
      <c r="AA35" s="36"/>
      <c r="AB35" s="5"/>
      <c r="AC35" s="5"/>
      <c r="AE35" s="25"/>
    </row>
    <row r="36" spans="2:36" x14ac:dyDescent="0.4">
      <c r="B36" s="31"/>
      <c r="C36" s="32"/>
      <c r="D36" s="44" t="s">
        <v>48</v>
      </c>
      <c r="E36" s="44"/>
      <c r="F36" s="44"/>
      <c r="G36" s="44"/>
      <c r="H36" s="44"/>
      <c r="I36" s="44"/>
      <c r="J36" s="44"/>
      <c r="K36" s="44"/>
      <c r="L36" s="44"/>
      <c r="M36" s="44"/>
      <c r="N36" s="44"/>
      <c r="O36" s="44" t="s">
        <v>49</v>
      </c>
      <c r="P36" s="44"/>
      <c r="Q36" s="44"/>
      <c r="R36" s="44"/>
      <c r="S36" s="44"/>
      <c r="Z36" s="41"/>
      <c r="AA36" s="36"/>
      <c r="AB36" s="5"/>
      <c r="AC36" s="5"/>
      <c r="AE36" s="25"/>
    </row>
    <row r="37" spans="2:36" x14ac:dyDescent="0.4">
      <c r="B37" s="31"/>
      <c r="C37" s="32"/>
      <c r="D37" s="44" t="s">
        <v>50</v>
      </c>
      <c r="E37" s="44"/>
      <c r="F37" s="44"/>
      <c r="G37" s="44"/>
      <c r="H37" s="44"/>
      <c r="I37" s="44"/>
      <c r="J37" s="44"/>
      <c r="K37" s="44"/>
      <c r="L37" s="44"/>
      <c r="M37" s="44"/>
      <c r="N37" s="44"/>
      <c r="O37" s="44" t="s">
        <v>51</v>
      </c>
      <c r="P37" s="44"/>
      <c r="Q37" s="44"/>
      <c r="R37" s="44"/>
      <c r="S37" s="44"/>
      <c r="Z37" s="41"/>
      <c r="AA37" s="36"/>
      <c r="AB37" s="5"/>
      <c r="AC37" s="5"/>
      <c r="AE37" s="25"/>
    </row>
    <row r="38" spans="2:36" x14ac:dyDescent="0.4">
      <c r="B38" s="31"/>
      <c r="C38" s="32"/>
      <c r="D38" s="44" t="s">
        <v>52</v>
      </c>
      <c r="E38" s="44"/>
      <c r="F38" s="44"/>
      <c r="G38" s="44"/>
      <c r="H38" s="44"/>
      <c r="I38" s="44"/>
      <c r="J38" s="44"/>
      <c r="K38" s="44"/>
      <c r="L38" s="44"/>
      <c r="M38" s="44"/>
      <c r="N38" s="44"/>
      <c r="O38" s="44" t="s">
        <v>53</v>
      </c>
      <c r="P38" s="44"/>
      <c r="Q38" s="44"/>
      <c r="R38" s="44"/>
      <c r="S38" s="45"/>
      <c r="T38" s="31"/>
      <c r="Z38" s="41"/>
      <c r="AA38" s="36"/>
      <c r="AB38" s="5"/>
      <c r="AC38" s="5"/>
      <c r="AE38" s="25"/>
    </row>
    <row r="39" spans="2:36" x14ac:dyDescent="0.4">
      <c r="B39" s="31"/>
      <c r="C39" s="32"/>
      <c r="D39" s="44" t="s">
        <v>54</v>
      </c>
      <c r="E39" s="44"/>
      <c r="F39" s="44"/>
      <c r="G39" s="44"/>
      <c r="H39" s="44"/>
      <c r="I39" s="44"/>
      <c r="J39" s="44"/>
      <c r="K39" s="44"/>
      <c r="L39" s="44"/>
      <c r="M39" s="44"/>
      <c r="N39" s="44"/>
      <c r="O39" s="46" t="s">
        <v>54</v>
      </c>
      <c r="P39" s="46"/>
      <c r="Q39" s="46"/>
      <c r="R39" s="46"/>
      <c r="S39" s="46"/>
      <c r="Z39" s="35"/>
      <c r="AA39" s="36"/>
      <c r="AB39" s="5"/>
      <c r="AC39" s="5"/>
      <c r="AE39" s="25"/>
    </row>
    <row r="40" spans="2:36" x14ac:dyDescent="0.4">
      <c r="B40" s="31"/>
      <c r="C40" s="32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Z40" s="35"/>
      <c r="AA40" s="36"/>
      <c r="AB40" s="5"/>
      <c r="AC40" s="5"/>
      <c r="AE40" s="25"/>
    </row>
    <row r="41" spans="2:36" x14ac:dyDescent="0.4">
      <c r="B41" s="31"/>
      <c r="C41" s="32" t="s">
        <v>55</v>
      </c>
      <c r="D41" s="1" t="s">
        <v>56</v>
      </c>
      <c r="Z41" s="33"/>
      <c r="AA41" s="34"/>
      <c r="AB41" s="5" t="s">
        <v>9</v>
      </c>
      <c r="AC41" s="5" t="s">
        <v>22</v>
      </c>
      <c r="AD41" s="5" t="s">
        <v>9</v>
      </c>
      <c r="AE41" s="25"/>
    </row>
    <row r="42" spans="2:36" x14ac:dyDescent="0.4">
      <c r="B42" s="31"/>
      <c r="D42" s="1" t="s">
        <v>57</v>
      </c>
      <c r="Z42" s="41"/>
      <c r="AA42" s="36"/>
      <c r="AB42" s="5"/>
      <c r="AC42" s="5"/>
      <c r="AE42" s="25"/>
    </row>
    <row r="43" spans="2:36" x14ac:dyDescent="0.4">
      <c r="B43" s="31"/>
      <c r="Z43" s="35"/>
      <c r="AA43" s="36"/>
      <c r="AB43" s="5"/>
      <c r="AC43" s="5"/>
      <c r="AE43" s="25"/>
    </row>
    <row r="44" spans="2:36" x14ac:dyDescent="0.4">
      <c r="B44" s="31" t="s">
        <v>58</v>
      </c>
      <c r="Z44" s="41"/>
      <c r="AA44" s="36"/>
      <c r="AB44" s="5"/>
      <c r="AC44" s="5"/>
      <c r="AE44" s="25"/>
    </row>
    <row r="45" spans="2:36" ht="14.25" customHeight="1" x14ac:dyDescent="0.4">
      <c r="B45" s="31"/>
      <c r="C45" s="32" t="s">
        <v>25</v>
      </c>
      <c r="D45" s="1" t="s">
        <v>59</v>
      </c>
      <c r="Z45" s="33"/>
      <c r="AA45" s="34"/>
      <c r="AB45" s="5" t="s">
        <v>9</v>
      </c>
      <c r="AC45" s="5" t="s">
        <v>22</v>
      </c>
      <c r="AD45" s="5" t="s">
        <v>9</v>
      </c>
      <c r="AE45" s="25"/>
    </row>
    <row r="46" spans="2:36" x14ac:dyDescent="0.4">
      <c r="B46" s="31"/>
      <c r="D46" s="1" t="s">
        <v>60</v>
      </c>
      <c r="Z46" s="41"/>
      <c r="AA46" s="36"/>
      <c r="AB46" s="5"/>
      <c r="AC46" s="5"/>
      <c r="AE46" s="25"/>
    </row>
    <row r="47" spans="2:36" x14ac:dyDescent="0.4">
      <c r="B47" s="31"/>
      <c r="W47" s="47"/>
      <c r="Z47" s="25"/>
      <c r="AA47" s="36"/>
      <c r="AB47" s="5"/>
      <c r="AC47" s="5"/>
      <c r="AE47" s="25"/>
      <c r="AJ47" s="48"/>
    </row>
    <row r="48" spans="2:36" x14ac:dyDescent="0.4">
      <c r="B48" s="31"/>
      <c r="C48" s="32" t="s">
        <v>34</v>
      </c>
      <c r="D48" s="1" t="s">
        <v>61</v>
      </c>
      <c r="Z48" s="25"/>
      <c r="AA48" s="36"/>
      <c r="AB48" s="5"/>
      <c r="AC48" s="5"/>
      <c r="AE48" s="25"/>
      <c r="AJ48" s="48"/>
    </row>
    <row r="49" spans="2:36" ht="17.25" customHeight="1" x14ac:dyDescent="0.4">
      <c r="B49" s="31"/>
      <c r="D49" s="1" t="s">
        <v>62</v>
      </c>
      <c r="Z49" s="25"/>
      <c r="AA49" s="36"/>
      <c r="AB49" s="5"/>
      <c r="AC49" s="5"/>
      <c r="AE49" s="25"/>
      <c r="AJ49" s="48"/>
    </row>
    <row r="50" spans="2:36" ht="18.75" customHeight="1" x14ac:dyDescent="0.4">
      <c r="B50" s="31"/>
      <c r="Z50" s="25"/>
      <c r="AA50" s="36"/>
      <c r="AB50" s="5"/>
      <c r="AC50" s="5"/>
      <c r="AE50" s="25"/>
      <c r="AJ50" s="48"/>
    </row>
    <row r="51" spans="2:36" ht="13.5" customHeight="1" x14ac:dyDescent="0.4">
      <c r="B51" s="31"/>
      <c r="D51" s="37" t="s">
        <v>28</v>
      </c>
      <c r="E51" s="12"/>
      <c r="F51" s="12"/>
      <c r="G51" s="12"/>
      <c r="H51" s="12"/>
      <c r="I51" s="12"/>
      <c r="J51" s="12"/>
      <c r="K51" s="12"/>
      <c r="L51" s="12"/>
      <c r="M51" s="12"/>
      <c r="N51" s="12"/>
      <c r="O51" s="14"/>
      <c r="P51" s="14"/>
      <c r="Q51" s="14"/>
      <c r="R51" s="14"/>
      <c r="S51" s="12"/>
      <c r="T51" s="12"/>
      <c r="U51" s="8"/>
      <c r="V51" s="9"/>
      <c r="W51" s="9"/>
      <c r="X51" s="14" t="s">
        <v>29</v>
      </c>
      <c r="Y51" s="31"/>
      <c r="Z51" s="25"/>
      <c r="AA51" s="36"/>
      <c r="AB51" s="5"/>
      <c r="AC51" s="5"/>
      <c r="AE51" s="25"/>
      <c r="AJ51" s="48"/>
    </row>
    <row r="52" spans="2:36" x14ac:dyDescent="0.4">
      <c r="B52" s="31"/>
      <c r="D52" s="37" t="s">
        <v>63</v>
      </c>
      <c r="E52" s="12"/>
      <c r="F52" s="12"/>
      <c r="G52" s="12"/>
      <c r="H52" s="12"/>
      <c r="I52" s="12"/>
      <c r="J52" s="12"/>
      <c r="K52" s="12"/>
      <c r="L52" s="12"/>
      <c r="M52" s="12"/>
      <c r="N52" s="12"/>
      <c r="O52" s="14"/>
      <c r="P52" s="14"/>
      <c r="Q52" s="14"/>
      <c r="R52" s="14"/>
      <c r="S52" s="12"/>
      <c r="T52" s="12"/>
      <c r="U52" s="8"/>
      <c r="V52" s="9"/>
      <c r="W52" s="9"/>
      <c r="X52" s="14" t="s">
        <v>29</v>
      </c>
      <c r="Y52" s="31"/>
      <c r="Z52" s="25"/>
      <c r="AA52" s="36"/>
      <c r="AB52" s="5"/>
      <c r="AC52" s="5"/>
      <c r="AE52" s="25"/>
      <c r="AJ52" s="48"/>
    </row>
    <row r="53" spans="2:36" x14ac:dyDescent="0.4">
      <c r="B53" s="31"/>
      <c r="D53" s="37" t="s">
        <v>31</v>
      </c>
      <c r="E53" s="12"/>
      <c r="F53" s="12"/>
      <c r="G53" s="12"/>
      <c r="H53" s="12"/>
      <c r="I53" s="12"/>
      <c r="J53" s="12"/>
      <c r="K53" s="12"/>
      <c r="L53" s="12"/>
      <c r="M53" s="12"/>
      <c r="N53" s="12"/>
      <c r="O53" s="14"/>
      <c r="P53" s="14"/>
      <c r="Q53" s="14"/>
      <c r="R53" s="14"/>
      <c r="S53" s="12"/>
      <c r="T53" s="38" t="str">
        <f>(IFERROR(ROUNDDOWN(T52/T51*100,0),""))</f>
        <v/>
      </c>
      <c r="U53" s="39" t="str">
        <f>(IFERROR(ROUNDDOWN(U52/U51*100,0),""))</f>
        <v/>
      </c>
      <c r="V53" s="40"/>
      <c r="W53" s="40"/>
      <c r="X53" s="14" t="s">
        <v>32</v>
      </c>
      <c r="Y53" s="31"/>
      <c r="Z53" s="25"/>
      <c r="AA53" s="36"/>
      <c r="AB53" s="5"/>
      <c r="AC53" s="5"/>
      <c r="AE53" s="25"/>
      <c r="AJ53" s="48"/>
    </row>
    <row r="54" spans="2:36" x14ac:dyDescent="0.4">
      <c r="B54" s="31"/>
      <c r="D54" s="1" t="s">
        <v>33</v>
      </c>
      <c r="Z54" s="25"/>
      <c r="AA54" s="36"/>
      <c r="AB54" s="5"/>
      <c r="AC54" s="5"/>
      <c r="AE54" s="25"/>
      <c r="AJ54" s="48"/>
    </row>
    <row r="55" spans="2:36" x14ac:dyDescent="0.4">
      <c r="B55" s="31"/>
      <c r="W55" s="47"/>
      <c r="Z55" s="25"/>
      <c r="AA55" s="36"/>
      <c r="AB55" s="5"/>
      <c r="AC55" s="5"/>
      <c r="AE55" s="25"/>
      <c r="AJ55" s="48"/>
    </row>
    <row r="56" spans="2:36" x14ac:dyDescent="0.4">
      <c r="B56" s="31"/>
      <c r="C56" s="32" t="s">
        <v>55</v>
      </c>
      <c r="D56" s="1" t="s">
        <v>64</v>
      </c>
      <c r="Z56" s="33"/>
      <c r="AA56" s="34"/>
      <c r="AB56" s="5" t="s">
        <v>9</v>
      </c>
      <c r="AC56" s="5" t="s">
        <v>22</v>
      </c>
      <c r="AD56" s="5" t="s">
        <v>9</v>
      </c>
      <c r="AE56" s="25"/>
    </row>
    <row r="57" spans="2:36" x14ac:dyDescent="0.4">
      <c r="B57" s="31"/>
      <c r="D57" s="1" t="s">
        <v>65</v>
      </c>
      <c r="E57" s="2"/>
      <c r="F57" s="2"/>
      <c r="G57" s="2"/>
      <c r="H57" s="2"/>
      <c r="I57" s="2"/>
      <c r="J57" s="2"/>
      <c r="K57" s="2"/>
      <c r="L57" s="2"/>
      <c r="M57" s="2"/>
      <c r="N57" s="2"/>
      <c r="O57" s="48"/>
      <c r="P57" s="48"/>
      <c r="Q57" s="48"/>
      <c r="Z57" s="41"/>
      <c r="AA57" s="36"/>
      <c r="AB57" s="5"/>
      <c r="AC57" s="5"/>
      <c r="AE57" s="25"/>
    </row>
    <row r="58" spans="2:36" x14ac:dyDescent="0.4">
      <c r="B58" s="31"/>
      <c r="D58" s="5"/>
      <c r="E58" s="49"/>
      <c r="F58" s="49"/>
      <c r="G58" s="49"/>
      <c r="H58" s="49"/>
      <c r="I58" s="49"/>
      <c r="J58" s="49"/>
      <c r="K58" s="49"/>
      <c r="L58" s="49"/>
      <c r="M58" s="49"/>
      <c r="N58" s="49"/>
      <c r="Q58" s="5"/>
      <c r="S58" s="47"/>
      <c r="T58" s="47"/>
      <c r="U58" s="47"/>
      <c r="V58" s="47"/>
      <c r="Z58" s="35"/>
      <c r="AA58" s="36"/>
      <c r="AB58" s="5"/>
      <c r="AC58" s="5"/>
      <c r="AE58" s="25"/>
    </row>
    <row r="59" spans="2:36" x14ac:dyDescent="0.4">
      <c r="B59" s="31"/>
      <c r="C59" s="32" t="s">
        <v>66</v>
      </c>
      <c r="D59" s="1" t="s">
        <v>67</v>
      </c>
      <c r="Z59" s="33"/>
      <c r="AA59" s="34"/>
      <c r="AB59" s="5" t="s">
        <v>9</v>
      </c>
      <c r="AC59" s="5" t="s">
        <v>22</v>
      </c>
      <c r="AD59" s="5" t="s">
        <v>9</v>
      </c>
      <c r="AE59" s="25"/>
    </row>
    <row r="60" spans="2:36" x14ac:dyDescent="0.4">
      <c r="B60" s="50"/>
      <c r="C60" s="51"/>
      <c r="D60" s="52" t="s">
        <v>68</v>
      </c>
      <c r="E60" s="52"/>
      <c r="F60" s="52"/>
      <c r="G60" s="52"/>
      <c r="H60" s="52"/>
      <c r="I60" s="52"/>
      <c r="J60" s="52"/>
      <c r="K60" s="52"/>
      <c r="L60" s="52"/>
      <c r="M60" s="52"/>
      <c r="N60" s="52"/>
      <c r="O60" s="52"/>
      <c r="P60" s="52"/>
      <c r="Q60" s="52"/>
      <c r="R60" s="52"/>
      <c r="S60" s="52"/>
      <c r="T60" s="52"/>
      <c r="U60" s="52"/>
      <c r="V60" s="52"/>
      <c r="W60" s="52"/>
      <c r="X60" s="52"/>
      <c r="Y60" s="52"/>
      <c r="Z60" s="53"/>
      <c r="AA60" s="54"/>
      <c r="AB60" s="55"/>
      <c r="AC60" s="55"/>
      <c r="AD60" s="52"/>
      <c r="AE60" s="53"/>
    </row>
    <row r="61" spans="2:36" x14ac:dyDescent="0.4">
      <c r="B61" s="1" t="s">
        <v>69</v>
      </c>
    </row>
    <row r="62" spans="2:36" x14ac:dyDescent="0.4">
      <c r="C62" s="1" t="s">
        <v>70</v>
      </c>
    </row>
    <row r="63" spans="2:36" x14ac:dyDescent="0.4">
      <c r="B63" s="1" t="s">
        <v>71</v>
      </c>
    </row>
    <row r="64" spans="2:36" x14ac:dyDescent="0.4">
      <c r="C64" s="1" t="s">
        <v>72</v>
      </c>
    </row>
    <row r="65" spans="2:11" x14ac:dyDescent="0.4">
      <c r="C65" s="1" t="s">
        <v>73</v>
      </c>
    </row>
    <row r="66" spans="2:11" x14ac:dyDescent="0.4">
      <c r="C66" s="1" t="s">
        <v>74</v>
      </c>
      <c r="K66" s="1" t="s">
        <v>75</v>
      </c>
    </row>
    <row r="67" spans="2:11" x14ac:dyDescent="0.4">
      <c r="K67" s="1" t="s">
        <v>76</v>
      </c>
    </row>
    <row r="68" spans="2:11" x14ac:dyDescent="0.4">
      <c r="K68" s="1" t="s">
        <v>77</v>
      </c>
    </row>
    <row r="69" spans="2:11" x14ac:dyDescent="0.4">
      <c r="K69" s="1" t="s">
        <v>78</v>
      </c>
    </row>
    <row r="70" spans="2:11" x14ac:dyDescent="0.4">
      <c r="K70" s="1" t="s">
        <v>79</v>
      </c>
    </row>
    <row r="71" spans="2:11" x14ac:dyDescent="0.4">
      <c r="B71" s="1" t="s">
        <v>80</v>
      </c>
    </row>
    <row r="72" spans="2:11" x14ac:dyDescent="0.4">
      <c r="C72" s="1" t="s">
        <v>81</v>
      </c>
    </row>
    <row r="73" spans="2:11" x14ac:dyDescent="0.4">
      <c r="C73" s="1" t="s">
        <v>82</v>
      </c>
    </row>
    <row r="74" spans="2:11" x14ac:dyDescent="0.4">
      <c r="C74" s="1" t="s">
        <v>83</v>
      </c>
    </row>
    <row r="122" spans="1:7" x14ac:dyDescent="0.4">
      <c r="A122" s="52"/>
      <c r="C122" s="52"/>
      <c r="D122" s="52"/>
      <c r="E122" s="52"/>
      <c r="F122" s="52"/>
      <c r="G122" s="52"/>
    </row>
    <row r="123" spans="1:7" x14ac:dyDescent="0.4">
      <c r="C123" s="19"/>
    </row>
    <row r="151" spans="1:1" x14ac:dyDescent="0.4">
      <c r="A151" s="52"/>
    </row>
    <row r="187" spans="1:1" x14ac:dyDescent="0.4">
      <c r="A187" s="50"/>
    </row>
    <row r="238" spans="1:1" x14ac:dyDescent="0.4">
      <c r="A238" s="50"/>
    </row>
    <row r="287" spans="1:1" x14ac:dyDescent="0.4">
      <c r="A287" s="50"/>
    </row>
    <row r="314" spans="1:1" x14ac:dyDescent="0.4">
      <c r="A314" s="52"/>
    </row>
    <row r="364" spans="1:1" x14ac:dyDescent="0.4">
      <c r="A364" s="50"/>
    </row>
    <row r="388" spans="1:1" x14ac:dyDescent="0.4">
      <c r="A388" s="52"/>
    </row>
    <row r="416" spans="1:1" x14ac:dyDescent="0.4">
      <c r="A416" s="52"/>
    </row>
    <row r="444" spans="1:1" x14ac:dyDescent="0.4">
      <c r="A444" s="52"/>
    </row>
    <row r="468" spans="1:1" x14ac:dyDescent="0.4">
      <c r="A468" s="52"/>
    </row>
    <row r="497" spans="1:1" x14ac:dyDescent="0.4">
      <c r="A497" s="52"/>
    </row>
    <row r="526" spans="1:1" x14ac:dyDescent="0.4">
      <c r="A526" s="52"/>
    </row>
    <row r="575" spans="1:1" x14ac:dyDescent="0.4">
      <c r="A575" s="50"/>
    </row>
    <row r="606" spans="1:1" x14ac:dyDescent="0.4">
      <c r="A606" s="50"/>
    </row>
    <row r="650" spans="1:1" x14ac:dyDescent="0.4">
      <c r="A650" s="50"/>
    </row>
    <row r="686" spans="1:1" x14ac:dyDescent="0.4">
      <c r="A686" s="52"/>
    </row>
    <row r="725" spans="1:1" x14ac:dyDescent="0.4">
      <c r="A725" s="50"/>
    </row>
    <row r="754" spans="1:1" x14ac:dyDescent="0.4">
      <c r="A754" s="50"/>
    </row>
    <row r="793" spans="1:1" x14ac:dyDescent="0.4">
      <c r="A793" s="50"/>
    </row>
    <row r="832" spans="1:1" x14ac:dyDescent="0.4">
      <c r="A832" s="50"/>
    </row>
    <row r="860" spans="1:1" x14ac:dyDescent="0.4">
      <c r="A860" s="50"/>
    </row>
    <row r="900" spans="1:1" x14ac:dyDescent="0.4">
      <c r="A900" s="50"/>
    </row>
    <row r="940" spans="1:1" x14ac:dyDescent="0.4">
      <c r="A940" s="50"/>
    </row>
    <row r="969" spans="1:1" x14ac:dyDescent="0.4">
      <c r="A969" s="50"/>
    </row>
  </sheetData>
  <mergeCells count="31">
    <mergeCell ref="J40:S40"/>
    <mergeCell ref="T40:V40"/>
    <mergeCell ref="U51:W51"/>
    <mergeCell ref="U52:W52"/>
    <mergeCell ref="U53:W53"/>
    <mergeCell ref="E58:N58"/>
    <mergeCell ref="D37:N37"/>
    <mergeCell ref="O37:S37"/>
    <mergeCell ref="D38:N38"/>
    <mergeCell ref="O38:S38"/>
    <mergeCell ref="D39:N39"/>
    <mergeCell ref="O39:S39"/>
    <mergeCell ref="D34:N34"/>
    <mergeCell ref="O34:S34"/>
    <mergeCell ref="D35:N35"/>
    <mergeCell ref="O35:S35"/>
    <mergeCell ref="D36:N36"/>
    <mergeCell ref="O36:S36"/>
    <mergeCell ref="U20:W20"/>
    <mergeCell ref="U21:W21"/>
    <mergeCell ref="U29:W29"/>
    <mergeCell ref="D32:N32"/>
    <mergeCell ref="O32:S32"/>
    <mergeCell ref="D33:N33"/>
    <mergeCell ref="O33:S33"/>
    <mergeCell ref="Y3:Z3"/>
    <mergeCell ref="B5:AE5"/>
    <mergeCell ref="B6:AD6"/>
    <mergeCell ref="F8:AE8"/>
    <mergeCell ref="B10:E11"/>
    <mergeCell ref="U19:W19"/>
  </mergeCells>
  <phoneticPr fontId="3"/>
  <dataValidations count="1">
    <dataValidation type="list" allowBlank="1" showInputMessage="1" showErrorMessage="1" sqref="K9 Q9 AB16 AD16 AB25:AB26 AD25:AD26 AB41 AD41 AB45 AD45 AB56 AD56 AB59 AD59 R10:R12 F9:F12" xr:uid="{13FBAEEE-0CB1-4B15-B173-ADF542C5D7BA}">
      <formula1>"□,■"</formula1>
    </dataValidation>
  </dataValidations>
  <pageMargins left="0.70866141732283472" right="0.70866141732283472" top="0.74803149606299213" bottom="0.74803149606299213" header="0.31496062992125984" footer="0.31496062992125984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F6E883-B785-4028-AFAA-2A3E1DD7AFA5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12</vt:lpstr>
      <vt:lpstr>Sheet1</vt:lpstr>
      <vt:lpstr>別紙12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45:15Z</dcterms:created>
  <dcterms:modified xsi:type="dcterms:W3CDTF">2024-03-22T04:46:24Z</dcterms:modified>
</cp:coreProperties>
</file>